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Default Extension="vml" ContentType="application/vnd.openxmlformats-officedocument.vmlDrawing"/>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mc:Ignorable="x15">
  <fileVersion appName="xl" lastEdited="6" lowestEdited="6" rupBuild="14420"/>
  <workbookPr/>
  <mc:AlternateContent xmlns:mc="http://schemas.openxmlformats.org/markup-compatibility/2006">
    <mc:Choice Requires="x15">
      <x15ac:absPath xmlns:x15ac="http://schemas.microsoft.com/office/spreadsheetml/2010/11/ac" url="\\storage.erasmusmc.nl\m\MyDocs\069998\My Documents\Desktop\"/>
    </mc:Choice>
  </mc:AlternateContent>
  <bookViews>
    <workbookView xWindow="0" yWindow="816" windowWidth="23040" windowHeight="7800"/>
  </bookViews>
  <sheets>
    <sheet name="Vragen" sheetId="1" r:id="rId1"/>
  </sheets>
  <calcPr calcId="162913"/>
  <extLst>
    <ext xmlns:x15="http://schemas.microsoft.com/office/spreadsheetml/2010/11/main" uri="{140A7094-0E35-4892-8432-C4D2E57EDEB5}">
      <x15:workbookPr chartTrackingRefBase="1"/>
    </ext>
  </extLst>
</workbook>
</file>

<file path=xl/comments1.xml><?xml version="1.0" encoding="utf-8"?>
<comments xmlns="http://schemas.openxmlformats.org/spreadsheetml/2006/main">
  <authors>
    <author>Y. Beverloo</author>
  </authors>
  <commentList>
    <comment ref="B21" authorId="0" shapeId="0">
      <text>
        <r>
          <rPr>
            <b/>
            <sz val="9"/>
            <color indexed="81"/>
            <rFont val="Tahoma"/>
            <charset val="1"/>
          </rPr>
          <t>Y. Beverloo:</t>
        </r>
        <r>
          <rPr>
            <sz val="9"/>
            <color indexed="81"/>
            <rFont val="Tahoma"/>
            <charset val="1"/>
          </rPr>
          <t xml:space="preserve">
Andere bewoording voor normale chirurgie?
</t>
        </r>
      </text>
    </comment>
    <comment ref="B27" authorId="0" shapeId="0">
      <text>
        <r>
          <rPr>
            <b/>
            <sz val="9"/>
            <color indexed="81"/>
            <rFont val="Tahoma"/>
            <charset val="1"/>
          </rPr>
          <t>Y. Beverloo:</t>
        </r>
        <r>
          <rPr>
            <sz val="9"/>
            <color indexed="81"/>
            <rFont val="Tahoma"/>
            <charset val="1"/>
          </rPr>
          <t xml:space="preserve">
Dit is vooral een punt waar Medtronic op zit. Kunnen we deze vraag nog wat puntiger maken / uitbreiden?</t>
        </r>
      </text>
    </comment>
  </commentList>
</comments>
</file>

<file path=xl/sharedStrings.xml><?xml version="1.0" encoding="utf-8"?>
<sst xmlns="http://schemas.openxmlformats.org/spreadsheetml/2006/main" count="157" uniqueCount="108">
  <si>
    <t xml:space="preserve">Vraag nummer </t>
  </si>
  <si>
    <t>Vraag</t>
  </si>
  <si>
    <t>1a</t>
  </si>
  <si>
    <t>1</t>
  </si>
  <si>
    <t>1b</t>
  </si>
  <si>
    <t>2</t>
  </si>
  <si>
    <t>3</t>
  </si>
  <si>
    <t>1c</t>
  </si>
  <si>
    <t>Ja/Nee (Indien van toepassing)</t>
  </si>
  <si>
    <t>Ja/Nee (indien van toepassing)</t>
  </si>
  <si>
    <t>Heeft u vragen gemist in deze consultatie waar u graag antwoord op had gegeven?</t>
  </si>
  <si>
    <t>Heeft u verder nog opmerkingen?</t>
  </si>
  <si>
    <t>Toelichting firma</t>
  </si>
  <si>
    <t>Als u de aanbesteding mocht ontwerpen, wat zou u dan als uitgangspunten nemen?</t>
  </si>
  <si>
    <t>1d</t>
  </si>
  <si>
    <t>Naam</t>
  </si>
  <si>
    <t>Adres</t>
  </si>
  <si>
    <t>Contactpersoon (incl. mailadres)</t>
  </si>
  <si>
    <t>KVK-nummer (of vergelijkbaar voor andere landen)</t>
  </si>
  <si>
    <t>Algemeen</t>
  </si>
  <si>
    <t>Welke ontwikkelingen verwacht u de komende vijf jaar voor deze oplossing / productgroep?</t>
  </si>
  <si>
    <t>NB</t>
  </si>
  <si>
    <t>Kunt u een (globale) indicatie geven uit welke kostenposten deze prijs is opgebouwd en hoe de verhouding is tussen de verschillende kostenposten?</t>
  </si>
  <si>
    <t>Hoe verwacht u dat deze kosten zich ontwikkelingen op de midden- en lange-termijn?</t>
  </si>
  <si>
    <t>2a</t>
  </si>
  <si>
    <t>2b</t>
  </si>
  <si>
    <t>Erasmus MC vraagt hier geen offertes, maar slechts een indicatie van de prijzen. Erasmus MC wil hiermee een indruk krijgen van de orde van grootte van de Total Cost of Ownership en uit welke onderdelen deze bestaan.</t>
  </si>
  <si>
    <t>Kunt u referenties voor dit product aanleveren? Omschrijf deze referenties (waarde, instantie, etc.)</t>
  </si>
  <si>
    <t>5a</t>
  </si>
  <si>
    <t>Wat is uw visie op het vaststellen en beoordelen van prijs in een Europese Aanbestedingsprocedure?</t>
  </si>
  <si>
    <t>Kunt u eventueel een voorbeeld indienen</t>
  </si>
  <si>
    <t>Duurzaamheid</t>
  </si>
  <si>
    <t>Bent u bekend met ISO 26000 en de GRI standaard. Zo ja, heeft u een ISO 26000 zelfverklaring of staat dat in de planning? Kunt u het CRS/duurzaamheid jaarverslag delen?</t>
  </si>
  <si>
    <t>4a</t>
  </si>
  <si>
    <t>Zijn er specifieke eisen of wensen die het Erasmus MC zou moeten definiëren om impact te realiseren, dan wel te stimuleren?</t>
  </si>
  <si>
    <t>4b</t>
  </si>
  <si>
    <t>3a</t>
  </si>
  <si>
    <r>
      <rPr>
        <b/>
        <sz val="12"/>
        <color rgb="FF0A0101"/>
        <rFont val="Calibri"/>
        <family val="2"/>
        <scheme val="minor"/>
      </rPr>
      <t>Sociaaleconomisch:</t>
    </r>
    <r>
      <rPr>
        <sz val="12"/>
        <color rgb="FF0A0101"/>
        <rFont val="Calibri"/>
        <family val="2"/>
        <scheme val="minor"/>
      </rPr>
      <t xml:space="preserve"> Hoe gaat u om met de sociaal-economische omstandigheden en verhoudingen in de gehele supply chain waar u deel van uitmaakt? Denk hierbij aan social return, arbeidsomstandigheden, het stimuleren van het MKB, etc.</t>
    </r>
  </si>
  <si>
    <r>
      <rPr>
        <b/>
        <sz val="12"/>
        <color rgb="FF0A0101"/>
        <rFont val="Calibri"/>
        <family val="2"/>
        <scheme val="minor"/>
      </rPr>
      <t xml:space="preserve">Klimaat: </t>
    </r>
    <r>
      <rPr>
        <sz val="12"/>
        <color rgb="FF0A0101"/>
        <rFont val="Calibri"/>
        <family val="2"/>
        <scheme val="minor"/>
      </rPr>
      <t>Hoe gaat u als bedrijf om met de klimaat impact in uw supply chain (sourcing, productie, transport, en packaging)? U kunt hierbij denken aan: CO2 impact of equivalenten (NOx etc.)</t>
    </r>
  </si>
  <si>
    <t>Kunt u een (globale) indicatie geven uit welke kostenposten deze prijs is opgebouwd en wat de verhouding is tussen de verschillende kostenposten?</t>
  </si>
  <si>
    <t>Heeft u nieuwe proposities in ontwikkeling waar een instelling als Erasmus MC als grote afnemer een rol kan hebben als "launching customer"? Indien dit de beschreven oplossing betreft: Wat zijn de voordelen voor het Erasmus MC als "launching customer"?</t>
  </si>
  <si>
    <t>Beschrijf uw bedrijv o.b.v. de volgende gegevens:</t>
  </si>
  <si>
    <t>Welke stappen zet uw organisatie op de lange termijn om de continuïteit van zorg, bedrijfsvoering, en supply chain, te waarborgen?</t>
  </si>
  <si>
    <t>Supply chain beheersing</t>
  </si>
  <si>
    <t>Product en patiëntwaarde</t>
  </si>
  <si>
    <t>6a</t>
  </si>
  <si>
    <t>Kostenbeheersing</t>
  </si>
  <si>
    <t>Welke stappen zet uw organisatie om actief kostenbeheersing te realiseren voor dit product?</t>
  </si>
  <si>
    <t>Op welke manier worden dit soort samenwerkingen vaak vastgelegd?</t>
  </si>
  <si>
    <t>Zijn er ook ontwikkelingen de komende vijf jaar specifiek op het gebied van duurzaamheid? Hoe kunnen deze bijdragen aan de duurzaamheidsambities van het Erasmus MC?</t>
  </si>
  <si>
    <t>Kunt u een prijsindicatie geven voor de door u aangeboden service en ondersteuning?</t>
  </si>
  <si>
    <t>Kunt u een prijsindicatie geven voor de door u aangeboden oplossing?</t>
  </si>
  <si>
    <t>In hoeverre zouden deze factoren meegenomen moeten worden in de scope van de opdracht en/of in het wegingsmodel (Beste Prijs / Kwaliteit Verhouding)?</t>
  </si>
  <si>
    <t>Wat is de verbeteringsmogelijkheid volgens u, is deze hoog, middel of laag? In hoeverre heeft u daar invloed op?</t>
  </si>
  <si>
    <r>
      <t xml:space="preserve">Beleidscontext: </t>
    </r>
    <r>
      <rPr>
        <sz val="12"/>
        <color theme="1"/>
        <rFont val="Calibri"/>
        <family val="2"/>
        <scheme val="minor"/>
      </rPr>
      <t xml:space="preserve">Kunt u de volgens u 2 belangrijkste kansen en 2 belangrijkste uitdagingen aangeven voor deze categorie die voortkomen uit (Europees) beleid, zoals de Sustainable finance package (EU taxonomy), EU corporate sustainability reporting directive (EU CSRD), EU corporate sustainability due diligence directive (EU CSDDD) en EU Sustainable Products Initiative? </t>
    </r>
  </si>
  <si>
    <r>
      <rPr>
        <b/>
        <sz val="12"/>
        <color rgb="FF0A0101"/>
        <rFont val="Calibri"/>
        <family val="2"/>
        <scheme val="minor"/>
      </rPr>
      <t xml:space="preserve">Systematiek: </t>
    </r>
    <r>
      <rPr>
        <sz val="12"/>
        <color rgb="FF0A0101"/>
        <rFont val="Calibri"/>
        <family val="2"/>
        <scheme val="minor"/>
      </rPr>
      <t>Werkt u met een bedrijfsbrede Code of Conduct? Zo ja, gelieve deze te delen.</t>
    </r>
  </si>
  <si>
    <t>Welke ISO normen (of gelijkwaardig) zijn in kader van impact op Klimaat, Milieu, Sociaaleconomisch en Waardebehoud (materialen) volgens u relevant?</t>
  </si>
  <si>
    <t>Meet uw bedrijf deze impact? Welke scope wordt er gebruikt (scope 1, 2, of 3)? Zo ja, kunt u deze delen (Life Cycle Analyses, certificaten, etc.)?</t>
  </si>
  <si>
    <t>3b</t>
  </si>
  <si>
    <r>
      <rPr>
        <b/>
        <sz val="12"/>
        <color rgb="FF0A0101"/>
        <rFont val="Calibri"/>
        <family val="2"/>
        <scheme val="minor"/>
      </rPr>
      <t>Milieu:</t>
    </r>
    <r>
      <rPr>
        <sz val="12"/>
        <color rgb="FF0A0101"/>
        <rFont val="Calibri"/>
        <family val="2"/>
        <scheme val="minor"/>
      </rPr>
      <t xml:space="preserve"> Hoe gaat u als bedrijf om met de milieu impact in uw supply chain (sourcing, productie, transport, en packaging)? U kunt hierbij denken aan: impact op water- en landgebruik, biodiversiteit, en toxiciteit (ozon, verzuring, etc.). </t>
    </r>
  </si>
  <si>
    <r>
      <t xml:space="preserve">Waardebehoud: </t>
    </r>
    <r>
      <rPr>
        <sz val="12"/>
        <color theme="1"/>
        <rFont val="Calibri"/>
        <family val="2"/>
        <scheme val="minor"/>
      </rPr>
      <t>Hoe draagt u zorg voor het behouden van waarde van (technische) grondstoffen. Denk hierbij aan hergebruik, materiaal efficiëntie, en circulariteit</t>
    </r>
  </si>
  <si>
    <t>Aanbesteding en Overig</t>
  </si>
  <si>
    <t>4c</t>
  </si>
  <si>
    <t>Vraag nummer</t>
  </si>
  <si>
    <t>Wat is uw visie op het vaststellen en beoordelen van kwaliteit (zoals een Programma van Eisen en Wensen) op productniveau in een Europese Aanbesteding procedure?</t>
  </si>
  <si>
    <t>Beschrijf, op basis van de doel- en probleemstelling in de uitnodiging, uw oplossing(en).</t>
  </si>
  <si>
    <t>Kunt u hierbij productspecificaties aanleveren?</t>
  </si>
  <si>
    <t>Welke wel / niet</t>
  </si>
  <si>
    <t>Zo niet: op welke termijn verwacht u deze?</t>
  </si>
  <si>
    <t>Hoe verwacht u als marktpartij dat de medische vraag (aantal patiënten) voor chirurgische robots zich gaat ontwikkelen?</t>
  </si>
  <si>
    <t>Wat is volgens u de waarde van opereren met een chirurgische robot ten opzichte van normale chirurgie voor de patiënt?</t>
  </si>
  <si>
    <t>5b</t>
  </si>
  <si>
    <t>Wat is volgens u de waarde van opereren met een chirurgische robot ten opzichte van normale chirurgie voor de gebruiker?</t>
  </si>
  <si>
    <t>Wat is volgens u de waarde die uw oplossing toevoegt?</t>
  </si>
  <si>
    <t>Kunt u dit specifiek aangegeven voor de setting van een academisch ziekenhuis, waar scholing en onderzoek belangrijke doelstellingen zijn?</t>
  </si>
  <si>
    <t>7a</t>
  </si>
  <si>
    <t>7b</t>
  </si>
  <si>
    <t>Zijn deze te hersteriliseren?</t>
  </si>
  <si>
    <t>7c</t>
  </si>
  <si>
    <t>Aan welke specifieke voorwaarden moet een CSA voldoen voor het hersteriliseren van deze disposables?</t>
  </si>
  <si>
    <t>Welke verbruiksartikelen zijn beschikbaar bij uw oplossing (met welke intended-use)?</t>
  </si>
  <si>
    <t>7d</t>
  </si>
  <si>
    <t>Zijn er ook nog andere producten van uw firma (of een samenwerkende firma) compatibel met de robot?</t>
  </si>
  <si>
    <t>En bij levering van verbruiksartikelen voor uw oplossing?</t>
  </si>
  <si>
    <t>In hoeverre zouden deze factoren meegenomen moeten worden in de contractering fase (bijv. bonus-malus regeling, verbeterplannen, etc.)</t>
  </si>
  <si>
    <t>Welke succesfactoren zijn van belang met betrekking toch continuïteit van zorg en dienstverlening bij de levering en installatie van uw oplossing?</t>
  </si>
  <si>
    <t>Zijn er kostenbesparende of inkomstenverhogende effecten door het gebruik van de robot i.p.v. normale chirurgie?</t>
  </si>
  <si>
    <t>Zo ja, op welk gebied?</t>
  </si>
  <si>
    <t>Kunt u deze ook kwantificeren?</t>
  </si>
  <si>
    <t>Hoe gangbaar zijn reseachsamenwerkingen voor deze oplossing?</t>
  </si>
  <si>
    <t>Hoe ziet de scholing van gebruikers eruit voor uw oplossing?</t>
  </si>
  <si>
    <t>Hoelang is de scholingsduur van gebruikers?</t>
  </si>
  <si>
    <t>Onderzoek, Innovatie, en Ssmenwerking</t>
  </si>
  <si>
    <t>Zou u de scope van een eventuele aanbesteding beperken tot de apparatuur, of ook verbruiksartikelen meenemen?</t>
  </si>
  <si>
    <t>Welke alternatieve vormen van financiering biedt u aan voor deze oplossing (bijv. Lease)?</t>
  </si>
  <si>
    <t>Hoevaak zijn deze disposables te hersteriliseren?</t>
  </si>
  <si>
    <t>7e</t>
  </si>
  <si>
    <t>Wat zijn de defect ratio's van deze verbruiksartikelen?</t>
  </si>
  <si>
    <t>7f</t>
  </si>
  <si>
    <t>Wat is het process rondom defecten (bijv. retourneren en het leveren van een alternatief)?</t>
  </si>
  <si>
    <t>7g</t>
  </si>
  <si>
    <t>Wat zijn de gevolgen op het gebied van kosten, bij het melden van defecten?</t>
  </si>
  <si>
    <t>Kunt u voor de verbruiksartikelen de volgende gegevens in één barcode omvatten: artikelomschrijving, THT, LOT nummer en GTIN?</t>
  </si>
  <si>
    <t>Voor welke behandelingen is uw oplossing geschikt op de gebieden: Thorax, HPB (transplantaties), Urologie, Gynaecologie, en Heelkunde (niet HPB)?</t>
  </si>
  <si>
    <t>Op welke manier wordt data van het systeem opgeslagen en gedeeld met gebruikers?</t>
  </si>
  <si>
    <t>Hoe zal de scholing de continuïteit van zorg beïnvloeden, en hoe draagt uw firma zorg dat het effect minimaal is (bijv. features die zorgen voor een zo kort mogelijke inwerktijd etc.)?</t>
  </si>
  <si>
    <t>Op welke wijzen onderscheidt uw oplossing zich van andere leveranciers (u mag meerdere voorbeelden noemen, of uitsplitsen per onderdeel)?</t>
  </si>
  <si>
    <t>Heeft uw oplossing voor al deze behandelingen een CE-keurmerk (voor klinisch gebruik)?</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mc:Ignorable="x14ac x16r2">
  <fonts count="12" x14ac:knownFonts="1">
    <font>
      <sz val="11"/>
      <color theme="1"/>
      <name val="Calibri"/>
      <family val="2"/>
      <scheme val="minor"/>
    </font>
    <font>
      <b/>
      <sz val="11"/>
      <color theme="1"/>
      <name val="Calibri"/>
      <family val="2"/>
      <scheme val="minor"/>
    </font>
    <font>
      <sz val="12"/>
      <color rgb="FF0A0101"/>
      <name val="Calibri"/>
      <family val="2"/>
      <scheme val="minor"/>
    </font>
    <font>
      <b/>
      <sz val="12"/>
      <color rgb="FF0A0101"/>
      <name val="Calibri"/>
      <family val="2"/>
      <scheme val="minor"/>
    </font>
    <font>
      <sz val="11"/>
      <color theme="1"/>
      <name val="Calibri"/>
      <family val="2"/>
      <scheme val="minor"/>
    </font>
    <font>
      <sz val="10"/>
      <name val="Arial"/>
      <family val="2"/>
    </font>
    <font>
      <sz val="11"/>
      <color rgb="FF000000"/>
      <name val="Calibri"/>
      <family val="2"/>
      <scheme val="minor"/>
    </font>
    <font>
      <sz val="12"/>
      <color theme="1"/>
      <name val="Calibri"/>
      <family val="2"/>
      <scheme val="minor"/>
    </font>
    <font>
      <b/>
      <sz val="12"/>
      <color theme="1"/>
      <name val="Calibri"/>
      <family val="2"/>
      <scheme val="minor"/>
    </font>
    <font>
      <i/>
      <sz val="12"/>
      <color rgb="FF0A0101"/>
      <name val="Calibri"/>
      <family val="2"/>
      <scheme val="minor"/>
    </font>
    <font>
      <sz val="9"/>
      <color indexed="81"/>
      <name val="Tahoma"/>
      <charset val="1"/>
    </font>
    <font>
      <b/>
      <sz val="9"/>
      <color indexed="81"/>
      <name val="Tahoma"/>
      <charset val="1"/>
    </font>
  </fonts>
  <fills count="6">
    <fill>
      <patternFill patternType="none"/>
    </fill>
    <fill>
      <patternFill patternType="gray125"/>
    </fill>
    <fill>
      <patternFill patternType="solid">
        <fgColor theme="7" tint="0.59999389629810485"/>
        <bgColor indexed="64"/>
      </patternFill>
    </fill>
    <fill>
      <patternFill patternType="solid">
        <fgColor theme="4" tint="0.59999389629810485"/>
        <bgColor indexed="64"/>
      </patternFill>
    </fill>
    <fill>
      <patternFill patternType="solid">
        <fgColor theme="0"/>
        <bgColor indexed="64"/>
      </patternFill>
    </fill>
    <fill>
      <patternFill patternType="solid">
        <fgColor rgb="FFFFFFFF"/>
        <bgColor rgb="FF000000"/>
      </patternFill>
    </fill>
  </fills>
  <borders count="3">
    <border>
      <left/>
      <right/>
      <top/>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bottom/>
      <diagonal/>
    </border>
  </borders>
  <cellStyleXfs count="4">
    <xf numFmtId="0" fontId="0" fillId="0" borderId="0"/>
    <xf numFmtId="0" fontId="4" fillId="0" borderId="0"/>
    <xf numFmtId="0" fontId="6" fillId="0" borderId="0"/>
    <xf numFmtId="0" fontId="5" fillId="0" borderId="0"/>
  </cellStyleXfs>
  <cellXfs count="47">
    <xf numFmtId="0" fontId="0" fillId="0" borderId="0" xfId="0"/>
    <xf numFmtId="0" fontId="1" fillId="0" borderId="1" xfId="0" applyFont="1" applyBorder="1" applyAlignment="1">
      <alignment horizontal="center"/>
    </xf>
    <xf numFmtId="0" fontId="1" fillId="0" borderId="1" xfId="0" applyFont="1" applyBorder="1" applyAlignment="1">
      <alignment horizontal="center" vertical="top"/>
    </xf>
    <xf numFmtId="0" fontId="1" fillId="0" borderId="1" xfId="0" applyFont="1" applyBorder="1" applyAlignment="1">
      <alignment horizontal="center" wrapText="1"/>
    </xf>
    <xf numFmtId="0" fontId="0" fillId="0" borderId="1" xfId="0" applyFont="1" applyBorder="1" applyAlignment="1" applyProtection="1">
      <alignment vertical="top"/>
      <protection locked="0"/>
    </xf>
    <xf numFmtId="0" fontId="1" fillId="0" borderId="1" xfId="0" applyFont="1" applyBorder="1" applyAlignment="1" applyProtection="1">
      <alignment horizontal="center"/>
    </xf>
    <xf numFmtId="0" fontId="0" fillId="0" borderId="1" xfId="0" applyFont="1" applyBorder="1" applyAlignment="1" applyProtection="1">
      <alignment horizontal="left" vertical="center"/>
    </xf>
    <xf numFmtId="0" fontId="2" fillId="0" borderId="1" xfId="0" applyFont="1" applyBorder="1" applyAlignment="1" applyProtection="1">
      <alignment horizontal="left" vertical="top" wrapText="1"/>
    </xf>
    <xf numFmtId="0" fontId="0" fillId="0" borderId="1" xfId="0" applyFont="1" applyBorder="1" applyProtection="1"/>
    <xf numFmtId="0" fontId="0" fillId="0" borderId="1" xfId="0" applyFont="1" applyBorder="1" applyAlignment="1" applyProtection="1">
      <alignment vertical="top"/>
    </xf>
    <xf numFmtId="0" fontId="1" fillId="0" borderId="1" xfId="0" applyFont="1" applyBorder="1" applyAlignment="1" applyProtection="1">
      <alignment horizontal="center" vertical="top"/>
    </xf>
    <xf numFmtId="0" fontId="0" fillId="0" borderId="1" xfId="0" applyFont="1" applyBorder="1" applyAlignment="1" applyProtection="1">
      <alignment vertical="center"/>
    </xf>
    <xf numFmtId="0" fontId="2" fillId="0" borderId="1" xfId="0" applyFont="1" applyBorder="1" applyAlignment="1" applyProtection="1">
      <alignment vertical="top" wrapText="1"/>
    </xf>
    <xf numFmtId="0" fontId="0" fillId="0" borderId="1" xfId="0" applyBorder="1" applyProtection="1"/>
    <xf numFmtId="0" fontId="0" fillId="0" borderId="1" xfId="0" applyBorder="1" applyAlignment="1" applyProtection="1">
      <alignment horizontal="left"/>
    </xf>
    <xf numFmtId="0" fontId="2" fillId="0" borderId="1" xfId="0" applyFont="1" applyFill="1" applyBorder="1" applyAlignment="1" applyProtection="1">
      <alignment vertical="top" wrapText="1"/>
    </xf>
    <xf numFmtId="0" fontId="0" fillId="0" borderId="1" xfId="0" applyFont="1" applyBorder="1" applyAlignment="1" applyProtection="1">
      <alignment wrapText="1"/>
      <protection locked="0"/>
    </xf>
    <xf numFmtId="0" fontId="0" fillId="0" borderId="1" xfId="0" applyBorder="1" applyAlignment="1">
      <alignment horizontal="left"/>
    </xf>
    <xf numFmtId="0" fontId="2" fillId="0" borderId="1" xfId="0" applyFont="1" applyBorder="1" applyAlignment="1">
      <alignment vertical="top" wrapText="1"/>
    </xf>
    <xf numFmtId="0" fontId="2" fillId="2" borderId="1" xfId="0" applyFont="1" applyFill="1" applyBorder="1" applyAlignment="1" applyProtection="1">
      <alignment vertical="top" wrapText="1"/>
      <protection locked="0"/>
    </xf>
    <xf numFmtId="0" fontId="0" fillId="2" borderId="1" xfId="0" applyFill="1" applyBorder="1" applyAlignment="1" applyProtection="1">
      <alignment wrapText="1"/>
      <protection locked="0"/>
    </xf>
    <xf numFmtId="0" fontId="0" fillId="0" borderId="1" xfId="0" applyBorder="1" applyAlignment="1" applyProtection="1">
      <alignment horizontal="left" vertical="center"/>
    </xf>
    <xf numFmtId="0" fontId="0" fillId="2" borderId="1" xfId="0" applyFont="1" applyFill="1" applyBorder="1" applyAlignment="1" applyProtection="1">
      <alignment wrapText="1"/>
      <protection locked="0"/>
    </xf>
    <xf numFmtId="0" fontId="0" fillId="2" borderId="1" xfId="0" applyFill="1" applyBorder="1"/>
    <xf numFmtId="0" fontId="0" fillId="0" borderId="1" xfId="0" applyFill="1" applyBorder="1"/>
    <xf numFmtId="0" fontId="2" fillId="2" borderId="1" xfId="0" applyFont="1" applyFill="1" applyBorder="1" applyAlignment="1" applyProtection="1">
      <alignment horizontal="left" vertical="top" wrapText="1"/>
      <protection locked="0"/>
    </xf>
    <xf numFmtId="0" fontId="7" fillId="0" borderId="1" xfId="0" applyFont="1" applyBorder="1" applyAlignment="1" applyProtection="1">
      <alignment horizontal="left" vertical="center" wrapText="1"/>
    </xf>
    <xf numFmtId="0" fontId="2" fillId="0" borderId="1" xfId="0" applyFont="1" applyBorder="1" applyAlignment="1" applyProtection="1">
      <alignment vertical="center" wrapText="1"/>
    </xf>
    <xf numFmtId="0" fontId="2" fillId="2" borderId="1" xfId="0" applyFont="1" applyFill="1" applyBorder="1" applyAlignment="1" applyProtection="1">
      <alignment vertical="center" wrapText="1"/>
      <protection locked="0"/>
    </xf>
    <xf numFmtId="0" fontId="7" fillId="2" borderId="1" xfId="0" applyFont="1" applyFill="1" applyBorder="1" applyAlignment="1" applyProtection="1">
      <alignment vertical="center" wrapText="1"/>
      <protection locked="0"/>
    </xf>
    <xf numFmtId="0" fontId="0" fillId="0" borderId="0" xfId="0" applyAlignment="1">
      <alignment wrapText="1"/>
    </xf>
    <xf numFmtId="1" fontId="0" fillId="0" borderId="1" xfId="0" applyNumberFormat="1" applyFont="1" applyBorder="1" applyAlignment="1" applyProtection="1">
      <alignment horizontal="left" vertical="center"/>
    </xf>
    <xf numFmtId="0" fontId="2" fillId="0" borderId="1" xfId="0" applyFont="1" applyFill="1" applyBorder="1" applyAlignment="1" applyProtection="1">
      <alignment vertical="top" wrapText="1"/>
      <protection locked="0"/>
    </xf>
    <xf numFmtId="0" fontId="0" fillId="0" borderId="1" xfId="0" applyFont="1" applyFill="1" applyBorder="1" applyAlignment="1" applyProtection="1">
      <alignment wrapText="1"/>
      <protection locked="0"/>
    </xf>
    <xf numFmtId="0" fontId="2" fillId="0" borderId="1" xfId="0" applyFont="1" applyFill="1" applyBorder="1" applyAlignment="1" applyProtection="1">
      <alignment vertical="center" wrapText="1"/>
      <protection locked="0"/>
    </xf>
    <xf numFmtId="0" fontId="7" fillId="0" borderId="1" xfId="0" applyFont="1" applyFill="1" applyBorder="1" applyAlignment="1" applyProtection="1">
      <alignment vertical="center" wrapText="1"/>
      <protection locked="0"/>
    </xf>
    <xf numFmtId="0" fontId="2" fillId="0" borderId="1" xfId="0" applyFont="1" applyBorder="1" applyAlignment="1">
      <alignment vertical="center" wrapText="1"/>
    </xf>
    <xf numFmtId="0" fontId="8" fillId="0" borderId="1" xfId="0" applyFont="1" applyBorder="1" applyAlignment="1" applyProtection="1">
      <alignment horizontal="left" vertical="center" wrapText="1"/>
    </xf>
    <xf numFmtId="0" fontId="2" fillId="4" borderId="1" xfId="0" applyFont="1" applyFill="1" applyBorder="1" applyAlignment="1">
      <alignment horizontal="left" vertical="top" wrapText="1"/>
    </xf>
    <xf numFmtId="0" fontId="8" fillId="0" borderId="0" xfId="0" applyFont="1" applyAlignment="1">
      <alignment vertical="center" wrapText="1"/>
    </xf>
    <xf numFmtId="0" fontId="7" fillId="0" borderId="2" xfId="0" applyFont="1" applyFill="1" applyBorder="1" applyAlignment="1" applyProtection="1">
      <alignment horizontal="left" vertical="center" wrapText="1"/>
    </xf>
    <xf numFmtId="0" fontId="2" fillId="0" borderId="2" xfId="0" applyFont="1" applyFill="1" applyBorder="1" applyAlignment="1" applyProtection="1">
      <alignment vertical="center" wrapText="1"/>
    </xf>
    <xf numFmtId="0" fontId="2" fillId="4" borderId="1" xfId="0" applyFont="1" applyFill="1" applyBorder="1" applyAlignment="1">
      <alignment vertical="top" wrapText="1"/>
    </xf>
    <xf numFmtId="0" fontId="9" fillId="0" borderId="1" xfId="0" applyFont="1" applyBorder="1" applyAlignment="1" applyProtection="1">
      <alignment vertical="top" wrapText="1"/>
    </xf>
    <xf numFmtId="0" fontId="2" fillId="0" borderId="2" xfId="0" applyFont="1" applyFill="1" applyBorder="1" applyAlignment="1" applyProtection="1">
      <alignment vertical="top" wrapText="1"/>
    </xf>
    <xf numFmtId="0" fontId="1" fillId="3" borderId="1" xfId="0" applyFont="1" applyFill="1" applyBorder="1" applyAlignment="1">
      <alignment horizontal="center" wrapText="1"/>
    </xf>
    <xf numFmtId="0" fontId="2" fillId="5" borderId="1" xfId="0" applyFont="1" applyFill="1" applyBorder="1" applyAlignment="1">
      <alignment vertical="center" wrapText="1"/>
    </xf>
  </cellXfs>
  <cellStyles count="4">
    <cellStyle name="Normal" xfId="0" builtinId="0"/>
    <cellStyle name="Standaard 3 4" xfId="1"/>
    <cellStyle name="Standaard 3 4 2" xfId="3"/>
    <cellStyle name="Standaard 4 3 2" xfId="2"/>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3" Type="http://schemas.openxmlformats.org/officeDocument/2006/relationships/styles" Target="styles.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2.xml"/><Relationship Id="rId5" Type="http://schemas.openxmlformats.org/officeDocument/2006/relationships/customXml" Target="../customXml/item1.xml"/><Relationship Id="rId4" Type="http://schemas.openxmlformats.org/officeDocument/2006/relationships/sharedStrings" Target="sharedStrings.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mc:Ignorable="x14ac">
  <sheetPr>
    <pageSetUpPr fitToPage="1"/>
  </sheetPr>
  <dimension ref="A1:D96"/>
  <sheetViews>
    <sheetView tabSelected="1" zoomScaleNormal="100" workbookViewId="0">
      <selection activeCell="C13" sqref="C13"/>
    </sheetView>
  </sheetViews>
  <sheetFormatPr defaultRowHeight="14.4" x14ac:dyDescent="0.3"/>
  <cols>
    <col min="1" max="1" width="14.109375" customWidth="1"/>
    <col min="2" max="2" width="90.44140625" customWidth="1"/>
    <col min="3" max="3" width="44.6640625" customWidth="1"/>
    <col min="4" max="4" width="91.44140625" customWidth="1"/>
  </cols>
  <sheetData>
    <row r="1" spans="1:4" x14ac:dyDescent="0.3">
      <c r="A1" s="45" t="s">
        <v>19</v>
      </c>
      <c r="B1" s="45"/>
      <c r="C1" s="45"/>
      <c r="D1" s="45"/>
    </row>
    <row r="2" spans="1:4" x14ac:dyDescent="0.3">
      <c r="A2" s="5" t="s">
        <v>0</v>
      </c>
      <c r="B2" s="5" t="s">
        <v>1</v>
      </c>
      <c r="C2" s="1" t="s">
        <v>8</v>
      </c>
      <c r="D2" s="1" t="s">
        <v>12</v>
      </c>
    </row>
    <row r="3" spans="1:4" ht="15.6" x14ac:dyDescent="0.3">
      <c r="A3" s="6" t="s">
        <v>3</v>
      </c>
      <c r="B3" s="7" t="s">
        <v>41</v>
      </c>
      <c r="C3" s="25"/>
      <c r="D3" s="22"/>
    </row>
    <row r="4" spans="1:4" ht="15.6" x14ac:dyDescent="0.3">
      <c r="A4" s="6" t="s">
        <v>2</v>
      </c>
      <c r="B4" s="7" t="s">
        <v>15</v>
      </c>
      <c r="C4" s="25"/>
      <c r="D4" s="22"/>
    </row>
    <row r="5" spans="1:4" ht="15.6" x14ac:dyDescent="0.3">
      <c r="A5" s="6" t="s">
        <v>4</v>
      </c>
      <c r="B5" s="7" t="s">
        <v>16</v>
      </c>
      <c r="C5" s="25"/>
      <c r="D5" s="22"/>
    </row>
    <row r="6" spans="1:4" ht="15.6" x14ac:dyDescent="0.3">
      <c r="A6" s="6" t="s">
        <v>7</v>
      </c>
      <c r="B6" s="7" t="s">
        <v>18</v>
      </c>
      <c r="C6" s="25"/>
      <c r="D6" s="22"/>
    </row>
    <row r="7" spans="1:4" ht="15.6" x14ac:dyDescent="0.3">
      <c r="A7" s="6" t="s">
        <v>14</v>
      </c>
      <c r="B7" s="7" t="s">
        <v>17</v>
      </c>
      <c r="C7" s="25"/>
      <c r="D7" s="22"/>
    </row>
    <row r="8" spans="1:4" x14ac:dyDescent="0.3">
      <c r="A8" s="8"/>
      <c r="B8" s="9"/>
      <c r="C8" s="4"/>
      <c r="D8" s="16"/>
    </row>
    <row r="9" spans="1:4" x14ac:dyDescent="0.3">
      <c r="A9" s="45" t="s">
        <v>44</v>
      </c>
      <c r="B9" s="45"/>
      <c r="C9" s="45"/>
      <c r="D9" s="45"/>
    </row>
    <row r="10" spans="1:4" x14ac:dyDescent="0.3">
      <c r="A10" s="5" t="s">
        <v>0</v>
      </c>
      <c r="B10" s="10" t="s">
        <v>1</v>
      </c>
      <c r="C10" s="1" t="s">
        <v>8</v>
      </c>
      <c r="D10" s="3" t="s">
        <v>12</v>
      </c>
    </row>
    <row r="11" spans="1:4" ht="15.6" x14ac:dyDescent="0.3">
      <c r="A11" s="26" t="s">
        <v>3</v>
      </c>
      <c r="B11" s="18" t="s">
        <v>65</v>
      </c>
      <c r="C11" s="19"/>
      <c r="D11" s="22"/>
    </row>
    <row r="12" spans="1:4" ht="15.6" x14ac:dyDescent="0.3">
      <c r="A12" s="26" t="s">
        <v>2</v>
      </c>
      <c r="B12" s="18" t="s">
        <v>66</v>
      </c>
      <c r="C12" s="19"/>
      <c r="D12" s="22"/>
    </row>
    <row r="13" spans="1:4" ht="31.2" x14ac:dyDescent="0.3">
      <c r="A13" s="26" t="s">
        <v>5</v>
      </c>
      <c r="B13" s="12" t="s">
        <v>106</v>
      </c>
      <c r="C13" s="19"/>
      <c r="D13" s="22"/>
    </row>
    <row r="14" spans="1:4" ht="31.2" x14ac:dyDescent="0.3">
      <c r="A14" s="26" t="s">
        <v>6</v>
      </c>
      <c r="B14" s="12" t="s">
        <v>27</v>
      </c>
      <c r="C14" s="19"/>
      <c r="D14" s="22"/>
    </row>
    <row r="15" spans="1:4" ht="31.2" x14ac:dyDescent="0.3">
      <c r="A15" s="26">
        <v>4</v>
      </c>
      <c r="B15" s="12" t="s">
        <v>103</v>
      </c>
      <c r="C15" s="19"/>
      <c r="D15" s="22"/>
    </row>
    <row r="16" spans="1:4" ht="15.6" x14ac:dyDescent="0.3">
      <c r="A16" s="26" t="s">
        <v>33</v>
      </c>
      <c r="B16" s="12" t="s">
        <v>107</v>
      </c>
      <c r="C16" s="19"/>
      <c r="D16" s="22"/>
    </row>
    <row r="17" spans="1:4" ht="15.6" x14ac:dyDescent="0.3">
      <c r="A17" s="26" t="s">
        <v>35</v>
      </c>
      <c r="B17" s="12" t="s">
        <v>67</v>
      </c>
      <c r="C17" s="19"/>
      <c r="D17" s="22"/>
    </row>
    <row r="18" spans="1:4" ht="15.6" x14ac:dyDescent="0.3">
      <c r="A18" s="26" t="s">
        <v>62</v>
      </c>
      <c r="B18" s="12" t="s">
        <v>68</v>
      </c>
      <c r="C18" s="19"/>
      <c r="D18" s="22"/>
    </row>
    <row r="19" spans="1:4" ht="15.6" x14ac:dyDescent="0.3">
      <c r="A19" s="26">
        <v>5</v>
      </c>
      <c r="B19" s="15" t="s">
        <v>73</v>
      </c>
      <c r="C19" s="19"/>
      <c r="D19" s="22"/>
    </row>
    <row r="20" spans="1:4" ht="31.2" x14ac:dyDescent="0.3">
      <c r="A20" s="26" t="s">
        <v>28</v>
      </c>
      <c r="B20" s="44" t="s">
        <v>74</v>
      </c>
      <c r="C20" s="19"/>
      <c r="D20" s="22"/>
    </row>
    <row r="21" spans="1:4" ht="31.2" x14ac:dyDescent="0.3">
      <c r="A21" s="26">
        <v>6</v>
      </c>
      <c r="B21" s="12" t="s">
        <v>70</v>
      </c>
      <c r="C21" s="19"/>
      <c r="D21" s="22"/>
    </row>
    <row r="22" spans="1:4" ht="31.2" x14ac:dyDescent="0.3">
      <c r="A22" s="26" t="s">
        <v>45</v>
      </c>
      <c r="B22" s="12" t="s">
        <v>72</v>
      </c>
      <c r="C22" s="19"/>
      <c r="D22" s="22"/>
    </row>
    <row r="23" spans="1:4" ht="15.6" x14ac:dyDescent="0.3">
      <c r="A23" s="26">
        <v>7</v>
      </c>
      <c r="B23" s="12" t="s">
        <v>80</v>
      </c>
      <c r="C23" s="19"/>
      <c r="D23" s="22"/>
    </row>
    <row r="24" spans="1:4" ht="15.6" x14ac:dyDescent="0.3">
      <c r="A24" s="26" t="s">
        <v>75</v>
      </c>
      <c r="B24" s="12" t="s">
        <v>77</v>
      </c>
      <c r="C24" s="19"/>
      <c r="D24" s="22"/>
    </row>
    <row r="25" spans="1:4" ht="15.6" x14ac:dyDescent="0.3">
      <c r="A25" s="26" t="s">
        <v>76</v>
      </c>
      <c r="B25" s="44" t="s">
        <v>95</v>
      </c>
      <c r="C25" s="19"/>
      <c r="D25" s="22"/>
    </row>
    <row r="26" spans="1:4" ht="31.2" x14ac:dyDescent="0.3">
      <c r="A26" s="26" t="s">
        <v>78</v>
      </c>
      <c r="B26" s="12" t="s">
        <v>79</v>
      </c>
      <c r="C26" s="19"/>
      <c r="D26" s="22"/>
    </row>
    <row r="27" spans="1:4" ht="31.2" x14ac:dyDescent="0.3">
      <c r="A27" s="26" t="s">
        <v>81</v>
      </c>
      <c r="B27" s="12" t="s">
        <v>82</v>
      </c>
      <c r="C27" s="19"/>
      <c r="D27" s="22"/>
    </row>
    <row r="28" spans="1:4" ht="15.6" x14ac:dyDescent="0.3">
      <c r="A28" s="26" t="s">
        <v>96</v>
      </c>
      <c r="B28" s="12" t="s">
        <v>97</v>
      </c>
      <c r="C28" s="19"/>
      <c r="D28" s="22"/>
    </row>
    <row r="29" spans="1:4" ht="15.6" x14ac:dyDescent="0.3">
      <c r="A29" s="26" t="s">
        <v>98</v>
      </c>
      <c r="B29" s="12" t="s">
        <v>99</v>
      </c>
      <c r="C29" s="19"/>
      <c r="D29" s="22"/>
    </row>
    <row r="30" spans="1:4" ht="15.6" x14ac:dyDescent="0.3">
      <c r="A30" s="26" t="s">
        <v>100</v>
      </c>
      <c r="B30" s="12" t="s">
        <v>101</v>
      </c>
      <c r="C30" s="19"/>
      <c r="D30" s="22"/>
    </row>
    <row r="31" spans="1:4" s="30" customFormat="1" ht="31.2" x14ac:dyDescent="0.3">
      <c r="A31" s="26">
        <v>8</v>
      </c>
      <c r="B31" s="27" t="s">
        <v>69</v>
      </c>
      <c r="C31" s="28"/>
      <c r="D31" s="29"/>
    </row>
    <row r="32" spans="1:4" ht="15.6" x14ac:dyDescent="0.3">
      <c r="A32" s="11"/>
      <c r="B32" s="41"/>
      <c r="C32" s="32"/>
      <c r="D32" s="33"/>
    </row>
    <row r="33" spans="1:4" x14ac:dyDescent="0.3">
      <c r="A33" s="45" t="s">
        <v>43</v>
      </c>
      <c r="B33" s="45"/>
      <c r="C33" s="45"/>
      <c r="D33" s="45"/>
    </row>
    <row r="34" spans="1:4" x14ac:dyDescent="0.3">
      <c r="A34" s="5" t="s">
        <v>0</v>
      </c>
      <c r="B34" s="10" t="s">
        <v>1</v>
      </c>
      <c r="C34" s="2" t="s">
        <v>9</v>
      </c>
      <c r="D34" s="3" t="s">
        <v>12</v>
      </c>
    </row>
    <row r="35" spans="1:4" ht="31.2" x14ac:dyDescent="0.3">
      <c r="A35" s="6">
        <v>1</v>
      </c>
      <c r="B35" s="42" t="s">
        <v>85</v>
      </c>
      <c r="C35" s="19"/>
      <c r="D35" s="22"/>
    </row>
    <row r="36" spans="1:4" ht="15.6" x14ac:dyDescent="0.3">
      <c r="A36" s="6" t="s">
        <v>2</v>
      </c>
      <c r="B36" s="42" t="s">
        <v>83</v>
      </c>
      <c r="C36" s="19"/>
      <c r="D36" s="22"/>
    </row>
    <row r="37" spans="1:4" ht="31.2" x14ac:dyDescent="0.3">
      <c r="A37" s="6" t="s">
        <v>4</v>
      </c>
      <c r="B37" s="12" t="s">
        <v>52</v>
      </c>
      <c r="C37" s="19"/>
      <c r="D37" s="22"/>
    </row>
    <row r="38" spans="1:4" ht="31.2" x14ac:dyDescent="0.3">
      <c r="A38" s="6" t="s">
        <v>7</v>
      </c>
      <c r="B38" s="12" t="s">
        <v>84</v>
      </c>
      <c r="C38" s="19"/>
      <c r="D38" s="22"/>
    </row>
    <row r="39" spans="1:4" s="30" customFormat="1" ht="31.2" x14ac:dyDescent="0.3">
      <c r="A39" s="26">
        <v>2</v>
      </c>
      <c r="B39" s="27" t="s">
        <v>42</v>
      </c>
      <c r="C39" s="28"/>
      <c r="D39" s="29"/>
    </row>
    <row r="40" spans="1:4" s="30" customFormat="1" ht="31.2" x14ac:dyDescent="0.3">
      <c r="A40" s="26">
        <v>3</v>
      </c>
      <c r="B40" s="46" t="s">
        <v>102</v>
      </c>
      <c r="C40" s="28"/>
      <c r="D40" s="29"/>
    </row>
    <row r="41" spans="1:4" ht="15.6" x14ac:dyDescent="0.3">
      <c r="A41" s="26"/>
      <c r="B41" s="27"/>
      <c r="C41" s="34"/>
      <c r="D41" s="35"/>
    </row>
    <row r="42" spans="1:4" x14ac:dyDescent="0.3">
      <c r="A42" s="45" t="s">
        <v>46</v>
      </c>
      <c r="B42" s="45"/>
      <c r="C42" s="45"/>
      <c r="D42" s="45"/>
    </row>
    <row r="43" spans="1:4" x14ac:dyDescent="0.3">
      <c r="A43" s="5" t="s">
        <v>0</v>
      </c>
      <c r="B43" s="10" t="s">
        <v>1</v>
      </c>
      <c r="C43" s="2" t="s">
        <v>9</v>
      </c>
      <c r="D43" s="3" t="s">
        <v>12</v>
      </c>
    </row>
    <row r="44" spans="1:4" ht="15.6" x14ac:dyDescent="0.3">
      <c r="A44" s="11" t="s">
        <v>3</v>
      </c>
      <c r="B44" s="12" t="s">
        <v>51</v>
      </c>
      <c r="C44" s="19"/>
      <c r="D44" s="22"/>
    </row>
    <row r="45" spans="1:4" ht="31.2" x14ac:dyDescent="0.3">
      <c r="A45" s="11" t="s">
        <v>2</v>
      </c>
      <c r="B45" s="12" t="s">
        <v>39</v>
      </c>
      <c r="C45" s="19"/>
      <c r="D45" s="22"/>
    </row>
    <row r="46" spans="1:4" ht="15.6" x14ac:dyDescent="0.3">
      <c r="A46" s="11" t="s">
        <v>4</v>
      </c>
      <c r="B46" s="12" t="s">
        <v>23</v>
      </c>
      <c r="C46" s="19"/>
      <c r="D46" s="22"/>
    </row>
    <row r="47" spans="1:4" ht="15.6" x14ac:dyDescent="0.3">
      <c r="A47" s="11" t="s">
        <v>5</v>
      </c>
      <c r="B47" s="12" t="s">
        <v>50</v>
      </c>
      <c r="C47" s="19"/>
      <c r="D47" s="22"/>
    </row>
    <row r="48" spans="1:4" ht="31.2" x14ac:dyDescent="0.3">
      <c r="A48" s="11" t="s">
        <v>24</v>
      </c>
      <c r="B48" s="12" t="s">
        <v>22</v>
      </c>
      <c r="C48" s="19"/>
      <c r="D48" s="22"/>
    </row>
    <row r="49" spans="1:4" ht="15.6" x14ac:dyDescent="0.3">
      <c r="A49" s="11" t="s">
        <v>25</v>
      </c>
      <c r="B49" s="12" t="s">
        <v>23</v>
      </c>
      <c r="C49" s="19"/>
      <c r="D49" s="22"/>
    </row>
    <row r="50" spans="1:4" ht="31.2" x14ac:dyDescent="0.3">
      <c r="A50" s="6">
        <v>3</v>
      </c>
      <c r="B50" s="12" t="s">
        <v>29</v>
      </c>
      <c r="C50" s="19"/>
      <c r="D50" s="22"/>
    </row>
    <row r="51" spans="1:4" ht="15.6" x14ac:dyDescent="0.3">
      <c r="A51" s="6">
        <v>4</v>
      </c>
      <c r="B51" s="12" t="s">
        <v>47</v>
      </c>
      <c r="C51" s="19"/>
      <c r="D51" s="22"/>
    </row>
    <row r="52" spans="1:4" ht="31.2" x14ac:dyDescent="0.3">
      <c r="A52" s="6">
        <v>5</v>
      </c>
      <c r="B52" s="12" t="s">
        <v>86</v>
      </c>
      <c r="C52" s="19"/>
      <c r="D52" s="22"/>
    </row>
    <row r="53" spans="1:4" ht="15.6" x14ac:dyDescent="0.3">
      <c r="A53" s="6" t="s">
        <v>28</v>
      </c>
      <c r="B53" s="12" t="s">
        <v>87</v>
      </c>
      <c r="C53" s="19"/>
      <c r="D53" s="22"/>
    </row>
    <row r="54" spans="1:4" ht="15.6" x14ac:dyDescent="0.3">
      <c r="A54" s="6" t="s">
        <v>71</v>
      </c>
      <c r="B54" s="12" t="s">
        <v>88</v>
      </c>
      <c r="C54" s="19"/>
      <c r="D54" s="22"/>
    </row>
    <row r="55" spans="1:4" ht="15.6" x14ac:dyDescent="0.3">
      <c r="A55" s="6">
        <v>6</v>
      </c>
      <c r="B55" s="12" t="s">
        <v>94</v>
      </c>
      <c r="C55" s="19"/>
      <c r="D55" s="22"/>
    </row>
    <row r="56" spans="1:4" ht="46.8" x14ac:dyDescent="0.3">
      <c r="A56" s="11" t="s">
        <v>21</v>
      </c>
      <c r="B56" s="43" t="s">
        <v>26</v>
      </c>
      <c r="C56" s="19"/>
      <c r="D56" s="22"/>
    </row>
    <row r="57" spans="1:4" ht="15.6" x14ac:dyDescent="0.3">
      <c r="A57" s="11"/>
      <c r="B57" s="12"/>
      <c r="C57" s="32"/>
      <c r="D57" s="33"/>
    </row>
    <row r="58" spans="1:4" x14ac:dyDescent="0.3">
      <c r="A58" s="45" t="s">
        <v>92</v>
      </c>
      <c r="B58" s="45"/>
      <c r="C58" s="45"/>
      <c r="D58" s="45"/>
    </row>
    <row r="59" spans="1:4" x14ac:dyDescent="0.3">
      <c r="A59" s="5" t="s">
        <v>63</v>
      </c>
      <c r="B59" s="10" t="s">
        <v>1</v>
      </c>
      <c r="C59" s="2" t="s">
        <v>9</v>
      </c>
      <c r="D59" s="3" t="s">
        <v>12</v>
      </c>
    </row>
    <row r="60" spans="1:4" ht="15.6" x14ac:dyDescent="0.3">
      <c r="A60" s="6">
        <v>1</v>
      </c>
      <c r="B60" s="12" t="s">
        <v>20</v>
      </c>
      <c r="C60" s="19"/>
      <c r="D60" s="22"/>
    </row>
    <row r="61" spans="1:4" ht="31.2" x14ac:dyDescent="0.3">
      <c r="A61" s="11" t="s">
        <v>2</v>
      </c>
      <c r="B61" s="12" t="s">
        <v>49</v>
      </c>
      <c r="C61" s="19"/>
      <c r="D61" s="22"/>
    </row>
    <row r="62" spans="1:4" ht="46.8" x14ac:dyDescent="0.3">
      <c r="A62" s="11" t="s">
        <v>4</v>
      </c>
      <c r="B62" s="12" t="s">
        <v>40</v>
      </c>
      <c r="C62" s="19"/>
      <c r="D62" s="22"/>
    </row>
    <row r="63" spans="1:4" ht="15.6" x14ac:dyDescent="0.3">
      <c r="A63" s="31">
        <v>2</v>
      </c>
      <c r="B63" s="12" t="s">
        <v>89</v>
      </c>
      <c r="C63" s="19"/>
      <c r="D63" s="22"/>
    </row>
    <row r="64" spans="1:4" ht="15.6" x14ac:dyDescent="0.3">
      <c r="A64" s="11" t="s">
        <v>24</v>
      </c>
      <c r="B64" s="12" t="s">
        <v>48</v>
      </c>
      <c r="C64" s="19"/>
      <c r="D64" s="22"/>
    </row>
    <row r="65" spans="1:4" ht="15.6" x14ac:dyDescent="0.3">
      <c r="A65" s="6">
        <v>3</v>
      </c>
      <c r="B65" s="12" t="s">
        <v>90</v>
      </c>
      <c r="C65" s="19"/>
      <c r="D65" s="22"/>
    </row>
    <row r="66" spans="1:4" ht="15.6" x14ac:dyDescent="0.3">
      <c r="A66" s="11" t="s">
        <v>36</v>
      </c>
      <c r="B66" s="12" t="s">
        <v>91</v>
      </c>
      <c r="C66" s="19"/>
      <c r="D66" s="19"/>
    </row>
    <row r="67" spans="1:4" ht="31.2" x14ac:dyDescent="0.3">
      <c r="A67" s="11" t="s">
        <v>58</v>
      </c>
      <c r="B67" s="12" t="s">
        <v>105</v>
      </c>
      <c r="C67" s="19"/>
      <c r="D67" s="19"/>
    </row>
    <row r="68" spans="1:4" ht="15.6" x14ac:dyDescent="0.3">
      <c r="A68" s="6">
        <v>4</v>
      </c>
      <c r="B68" s="12" t="s">
        <v>104</v>
      </c>
      <c r="C68" s="19"/>
      <c r="D68" s="19"/>
    </row>
    <row r="69" spans="1:4" ht="15.6" x14ac:dyDescent="0.3">
      <c r="A69" s="11"/>
      <c r="B69" s="12"/>
      <c r="C69" s="32"/>
      <c r="D69" s="33"/>
    </row>
    <row r="70" spans="1:4" x14ac:dyDescent="0.3">
      <c r="A70" s="45" t="s">
        <v>31</v>
      </c>
      <c r="B70" s="45"/>
      <c r="C70" s="45"/>
      <c r="D70" s="45"/>
    </row>
    <row r="71" spans="1:4" x14ac:dyDescent="0.3">
      <c r="A71" s="5" t="s">
        <v>0</v>
      </c>
      <c r="B71" s="10" t="s">
        <v>1</v>
      </c>
      <c r="C71" s="2" t="s">
        <v>9</v>
      </c>
      <c r="D71" s="3" t="s">
        <v>12</v>
      </c>
    </row>
    <row r="72" spans="1:4" ht="78" x14ac:dyDescent="0.3">
      <c r="A72" s="26">
        <v>1</v>
      </c>
      <c r="B72" s="37" t="s">
        <v>54</v>
      </c>
      <c r="C72" s="28"/>
      <c r="D72" s="28"/>
    </row>
    <row r="73" spans="1:4" ht="15.6" x14ac:dyDescent="0.3">
      <c r="A73" s="26">
        <v>2</v>
      </c>
      <c r="B73" s="36" t="s">
        <v>55</v>
      </c>
      <c r="C73" s="28"/>
      <c r="D73" s="29"/>
    </row>
    <row r="74" spans="1:4" ht="31.2" x14ac:dyDescent="0.3">
      <c r="A74" s="26" t="s">
        <v>24</v>
      </c>
      <c r="B74" s="36" t="s">
        <v>32</v>
      </c>
      <c r="C74" s="28"/>
      <c r="D74" s="29"/>
    </row>
    <row r="75" spans="1:4" ht="31.2" x14ac:dyDescent="0.3">
      <c r="A75" s="26" t="s">
        <v>25</v>
      </c>
      <c r="B75" s="38" t="s">
        <v>56</v>
      </c>
      <c r="C75" s="28"/>
      <c r="D75" s="29"/>
    </row>
    <row r="76" spans="1:4" ht="46.8" x14ac:dyDescent="0.3">
      <c r="A76" s="26">
        <v>3</v>
      </c>
      <c r="B76" s="36" t="s">
        <v>38</v>
      </c>
      <c r="C76" s="28"/>
      <c r="D76" s="29"/>
    </row>
    <row r="77" spans="1:4" ht="31.2" x14ac:dyDescent="0.3">
      <c r="A77" s="26" t="s">
        <v>36</v>
      </c>
      <c r="B77" s="36" t="s">
        <v>57</v>
      </c>
      <c r="C77" s="28"/>
      <c r="D77" s="29"/>
    </row>
    <row r="78" spans="1:4" ht="31.2" x14ac:dyDescent="0.3">
      <c r="A78" s="26" t="s">
        <v>58</v>
      </c>
      <c r="B78" s="36" t="s">
        <v>53</v>
      </c>
      <c r="C78" s="28"/>
      <c r="D78" s="29"/>
    </row>
    <row r="79" spans="1:4" ht="46.8" x14ac:dyDescent="0.3">
      <c r="A79" s="26">
        <v>4</v>
      </c>
      <c r="B79" s="36" t="s">
        <v>59</v>
      </c>
      <c r="C79" s="28"/>
      <c r="D79" s="29"/>
    </row>
    <row r="80" spans="1:4" ht="31.2" x14ac:dyDescent="0.3">
      <c r="A80" s="26" t="s">
        <v>33</v>
      </c>
      <c r="B80" s="36" t="s">
        <v>57</v>
      </c>
      <c r="C80" s="28"/>
      <c r="D80" s="29"/>
    </row>
    <row r="81" spans="1:4" ht="31.2" x14ac:dyDescent="0.3">
      <c r="A81" s="26" t="s">
        <v>35</v>
      </c>
      <c r="B81" s="36" t="s">
        <v>53</v>
      </c>
      <c r="C81" s="28"/>
      <c r="D81" s="29"/>
    </row>
    <row r="82" spans="1:4" ht="46.8" x14ac:dyDescent="0.3">
      <c r="A82" s="26">
        <v>5</v>
      </c>
      <c r="B82" s="36" t="s">
        <v>37</v>
      </c>
      <c r="C82" s="28"/>
      <c r="D82" s="29"/>
    </row>
    <row r="83" spans="1:4" ht="31.2" x14ac:dyDescent="0.3">
      <c r="A83" s="26" t="s">
        <v>28</v>
      </c>
      <c r="B83" s="36" t="s">
        <v>53</v>
      </c>
      <c r="C83" s="28"/>
      <c r="D83" s="29"/>
    </row>
    <row r="84" spans="1:4" ht="31.2" x14ac:dyDescent="0.3">
      <c r="A84" s="26">
        <v>6</v>
      </c>
      <c r="B84" s="39" t="s">
        <v>60</v>
      </c>
      <c r="C84" s="28"/>
      <c r="D84" s="29"/>
    </row>
    <row r="85" spans="1:4" ht="31.2" x14ac:dyDescent="0.3">
      <c r="A85" s="26" t="s">
        <v>45</v>
      </c>
      <c r="B85" s="36" t="s">
        <v>53</v>
      </c>
      <c r="C85" s="28"/>
      <c r="D85" s="29"/>
    </row>
    <row r="86" spans="1:4" ht="31.2" x14ac:dyDescent="0.3">
      <c r="A86" s="40">
        <v>7</v>
      </c>
      <c r="B86" s="36" t="s">
        <v>34</v>
      </c>
      <c r="C86" s="28"/>
      <c r="D86" s="29"/>
    </row>
    <row r="87" spans="1:4" x14ac:dyDescent="0.3">
      <c r="A87" s="13"/>
      <c r="B87" s="13"/>
      <c r="C87" s="24"/>
      <c r="D87" s="24"/>
    </row>
    <row r="88" spans="1:4" x14ac:dyDescent="0.3">
      <c r="A88" s="45" t="s">
        <v>61</v>
      </c>
      <c r="B88" s="45"/>
      <c r="C88" s="45"/>
      <c r="D88" s="45"/>
    </row>
    <row r="89" spans="1:4" x14ac:dyDescent="0.3">
      <c r="A89" s="5" t="s">
        <v>0</v>
      </c>
      <c r="B89" s="10" t="s">
        <v>1</v>
      </c>
      <c r="C89" s="2" t="s">
        <v>9</v>
      </c>
      <c r="D89" s="3" t="s">
        <v>12</v>
      </c>
    </row>
    <row r="90" spans="1:4" ht="15.6" x14ac:dyDescent="0.3">
      <c r="A90" s="14">
        <v>1</v>
      </c>
      <c r="B90" s="15" t="s">
        <v>13</v>
      </c>
      <c r="C90" s="20"/>
      <c r="D90" s="20"/>
    </row>
    <row r="91" spans="1:4" ht="31.2" x14ac:dyDescent="0.3">
      <c r="A91" s="21">
        <v>2</v>
      </c>
      <c r="B91" s="15" t="s">
        <v>64</v>
      </c>
      <c r="C91" s="20"/>
      <c r="D91" s="20"/>
    </row>
    <row r="92" spans="1:4" ht="15.6" x14ac:dyDescent="0.3">
      <c r="A92" s="14" t="s">
        <v>24</v>
      </c>
      <c r="B92" s="15" t="s">
        <v>30</v>
      </c>
      <c r="C92" s="20"/>
      <c r="D92" s="20"/>
    </row>
    <row r="93" spans="1:4" ht="31.2" x14ac:dyDescent="0.3">
      <c r="A93" s="14">
        <v>3</v>
      </c>
      <c r="B93" s="15" t="s">
        <v>93</v>
      </c>
      <c r="C93" s="20"/>
      <c r="D93" s="20"/>
    </row>
    <row r="94" spans="1:4" ht="15.6" x14ac:dyDescent="0.3">
      <c r="A94" s="14">
        <v>4</v>
      </c>
      <c r="B94" s="15" t="s">
        <v>10</v>
      </c>
      <c r="C94" s="20"/>
      <c r="D94" s="20"/>
    </row>
    <row r="95" spans="1:4" ht="15.6" x14ac:dyDescent="0.3">
      <c r="A95" s="17">
        <v>5</v>
      </c>
      <c r="B95" s="15" t="s">
        <v>11</v>
      </c>
      <c r="C95" s="23"/>
      <c r="D95" s="23"/>
    </row>
    <row r="96" spans="1:4" ht="15.6" x14ac:dyDescent="0.3">
      <c r="A96" s="17"/>
      <c r="B96" s="15"/>
      <c r="C96" s="17"/>
      <c r="D96" s="15"/>
    </row>
  </sheetData>
  <mergeCells count="7">
    <mergeCell ref="A1:D1"/>
    <mergeCell ref="A9:D9"/>
    <mergeCell ref="A33:D33"/>
    <mergeCell ref="A88:D88"/>
    <mergeCell ref="A42:D42"/>
    <mergeCell ref="A70:D70"/>
    <mergeCell ref="A58:D58"/>
  </mergeCells>
  <pageMargins left="0.7" right="0.7" top="0.75" bottom="0.75" header="0.3" footer="0.3"/>
  <pageSetup scale="37" fitToHeight="0" orientation="portrait" horizontalDpi="1200" verticalDpi="1200" r:id="rId1"/>
  <legacy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E7706478-355D-4B99-80A4-7ED590D60A81}">
  <ds:schemaRefs/>
</ds:datastoreItem>
</file>

<file path=customXml/itemProps2.xml><?xml version="1.0" encoding="utf-8"?>
<ds:datastoreItem xmlns:ds="http://schemas.openxmlformats.org/officeDocument/2006/customXml" ds:itemID="{D614FEAA-2C2F-498E-9741-9E8B1C9220CC}">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vt:i4>
      </vt:variant>
    </vt:vector>
  </HeadingPairs>
  <TitlesOfParts>
    <vt:vector size="1" baseType="lpstr">
      <vt:lpstr>Vragen</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Y. Beverloo</dc:creator>
  <cp:lastModifiedBy>Y. Beverloo</cp:lastModifiedBy>
  <dcterms:created xsi:type="dcterms:W3CDTF">2022-03-03T08:10:18Z</dcterms:created>
  <dcterms:modified xsi:type="dcterms:W3CDTF">2023-10-09T13:43:0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2640843</vt:lpwstr>
  </property>
  <property fmtid="{D5CDD505-2E9C-101B-9397-08002B2CF9AE}" pid="4" name="TemplafyUserProfileId">
    <vt:lpwstr>637738539093322191</vt:lpwstr>
  </property>
  <property fmtid="{D5CDD505-2E9C-101B-9397-08002B2CF9AE}" pid="5" name="TemplafyFromBlank">
    <vt:bool>true</vt:bool>
  </property>
</Properties>
</file>